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4"/>
  </p:sldMasterIdLst>
  <p:sldIdLst>
    <p:sldId id="269" r:id="rId5"/>
  </p:sldIdLst>
  <p:sldSz cx="9906000" cy="6858000" type="A4"/>
  <p:notesSz cx="7010400" cy="92964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12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0000FF"/>
    <a:srgbClr val="008000"/>
    <a:srgbClr val="33CC3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9071" autoAdjust="0"/>
  </p:normalViewPr>
  <p:slideViewPr>
    <p:cSldViewPr snapToGrid="0">
      <p:cViewPr varScale="1">
        <p:scale>
          <a:sx n="73" d="100"/>
          <a:sy n="73" d="100"/>
        </p:scale>
        <p:origin x="1122" y="72"/>
      </p:cViewPr>
      <p:guideLst>
        <p:guide orient="horz" pos="2160"/>
        <p:guide pos="312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viewProps" Target="viewProp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presProps" Target="presProps.xml"/><Relationship Id="rId5" Type="http://schemas.openxmlformats.org/officeDocument/2006/relationships/slide" Target="slides/slide1.xml"/><Relationship Id="rId4" Type="http://schemas.openxmlformats.org/officeDocument/2006/relationships/slideMaster" Target="slideMasters/slideMaster1.xml"/><Relationship Id="rId9" Type="http://schemas.openxmlformats.org/officeDocument/2006/relationships/tableStyles" Target="tableStyle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42950" y="1122363"/>
            <a:ext cx="84201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238250" y="3602038"/>
            <a:ext cx="74295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4D2848BB-564C-31C7-62D1-59256C867F5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8A84EEE-FDE3-40B8-A227-17967FC4F508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1D1B1CF9-D870-3600-B027-5097C805959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E2AE9F23-9889-87E8-31EB-CD113F443FB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BB73320E-518B-4EE4-A31C-A1B44BA72DC7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409017629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5DE29635-427E-EFA6-BD28-2D72981CB79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D09905E-A9AF-4265-864B-F7735B6254CA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57A06DBB-56BA-25C5-B583-E79625CFC1F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470D9B2-B229-5A6C-9912-7AB9536B8EB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1047DC13-4F0D-4BFC-8240-0FEC8B4AF14D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66481135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088982" y="365125"/>
            <a:ext cx="2135981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1038" y="365125"/>
            <a:ext cx="6284119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9F640687-E83F-4DC5-1161-E3E32213A93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5474353-442F-4548-9861-24481D641588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818F01CD-D2D3-4E20-1E5C-C4148738B9C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9ACBD58D-B10D-0E8E-8D7A-A90D37EBD72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83A506BC-942D-44AB-8248-540758530B3D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85619082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A0857FBC-FB61-5E12-8F73-85660382BF2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A6AE7B8-C667-4638-8353-DCEEEC6D44CD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D5A41F37-0C05-521C-DDA2-0B408918F65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659412EA-0803-0F2D-3C63-4E681362C6E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A5807BE4-8292-4E86-ADE8-47BF0DD7AA04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82088029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5879" y="1709740"/>
            <a:ext cx="8543925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5879" y="4589465"/>
            <a:ext cx="8543925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0146E4EE-5DB0-9184-CD5D-58D3746232D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EF22310-EB40-46F9-927D-BF75DC490469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C6096900-D9A6-227F-5D67-2C6119CD111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13891ED7-68E9-6C5E-BB31-DF439CD8103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CDC45A9C-7309-41B2-9F81-97753DE20E2C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93107751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1038" y="1825625"/>
            <a:ext cx="421005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14913" y="1825625"/>
            <a:ext cx="421005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3">
            <a:extLst>
              <a:ext uri="{FF2B5EF4-FFF2-40B4-BE49-F238E27FC236}">
                <a16:creationId xmlns:a16="http://schemas.microsoft.com/office/drawing/2014/main" id="{A6EFEA36-B326-58D7-1F13-1B67C1038D69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FB27C12-8EE0-499A-BBE4-0BBA738AB619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6" name="Footer Placeholder 4">
            <a:extLst>
              <a:ext uri="{FF2B5EF4-FFF2-40B4-BE49-F238E27FC236}">
                <a16:creationId xmlns:a16="http://schemas.microsoft.com/office/drawing/2014/main" id="{7C25D2E6-D1C1-9D77-749A-47C851409DF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5">
            <a:extLst>
              <a:ext uri="{FF2B5EF4-FFF2-40B4-BE49-F238E27FC236}">
                <a16:creationId xmlns:a16="http://schemas.microsoft.com/office/drawing/2014/main" id="{19F690B2-87FE-B424-6E14-A9FC1EF699C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F2C1CC92-AF3E-4843-9E2D-576A613AA1F1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13269583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365127"/>
            <a:ext cx="8543925" cy="1325563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2329" y="1681163"/>
            <a:ext cx="4190702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82329" y="2505075"/>
            <a:ext cx="4190702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014913" y="1681163"/>
            <a:ext cx="4211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014913" y="2505075"/>
            <a:ext cx="4211340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3">
            <a:extLst>
              <a:ext uri="{FF2B5EF4-FFF2-40B4-BE49-F238E27FC236}">
                <a16:creationId xmlns:a16="http://schemas.microsoft.com/office/drawing/2014/main" id="{751DEFEE-CD3A-B0B6-DE59-40488AB7B62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02C81AD-27D7-4F84-BC5A-6BC343491584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8" name="Footer Placeholder 4">
            <a:extLst>
              <a:ext uri="{FF2B5EF4-FFF2-40B4-BE49-F238E27FC236}">
                <a16:creationId xmlns:a16="http://schemas.microsoft.com/office/drawing/2014/main" id="{35F1B250-EE5C-67BC-4D55-9D3421DEB02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5">
            <a:extLst>
              <a:ext uri="{FF2B5EF4-FFF2-40B4-BE49-F238E27FC236}">
                <a16:creationId xmlns:a16="http://schemas.microsoft.com/office/drawing/2014/main" id="{77B272DF-F654-EDCF-3669-9B716406F68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1F609284-4902-4A58-A213-FDDFEAE36389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76821476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3">
            <a:extLst>
              <a:ext uri="{FF2B5EF4-FFF2-40B4-BE49-F238E27FC236}">
                <a16:creationId xmlns:a16="http://schemas.microsoft.com/office/drawing/2014/main" id="{67850417-CCA1-E207-5C91-0A9DFFDF694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280EADA-3B5D-4AA2-9776-93AEC8533313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4" name="Footer Placeholder 4">
            <a:extLst>
              <a:ext uri="{FF2B5EF4-FFF2-40B4-BE49-F238E27FC236}">
                <a16:creationId xmlns:a16="http://schemas.microsoft.com/office/drawing/2014/main" id="{30D76D7E-C73A-D304-2473-42C0631FAFA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5">
            <a:extLst>
              <a:ext uri="{FF2B5EF4-FFF2-40B4-BE49-F238E27FC236}">
                <a16:creationId xmlns:a16="http://schemas.microsoft.com/office/drawing/2014/main" id="{3E7A33ED-83BC-B7EF-1DD7-672C205C7FB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2111CEB3-9C69-449B-840C-8B830909CE5E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06913213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>
            <a:extLst>
              <a:ext uri="{FF2B5EF4-FFF2-40B4-BE49-F238E27FC236}">
                <a16:creationId xmlns:a16="http://schemas.microsoft.com/office/drawing/2014/main" id="{17887AC3-2A43-9D64-045A-B9992BD519D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18F2171-EBF8-4D7A-9F79-4CB18B0919E0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3" name="Footer Placeholder 4">
            <a:extLst>
              <a:ext uri="{FF2B5EF4-FFF2-40B4-BE49-F238E27FC236}">
                <a16:creationId xmlns:a16="http://schemas.microsoft.com/office/drawing/2014/main" id="{14475C20-2420-FE2D-DEA1-CDDF14BB742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5">
            <a:extLst>
              <a:ext uri="{FF2B5EF4-FFF2-40B4-BE49-F238E27FC236}">
                <a16:creationId xmlns:a16="http://schemas.microsoft.com/office/drawing/2014/main" id="{2DCAB7E6-7C9D-244E-0E8C-3CDC46A1897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21BE0E99-4063-4FFD-A7B0-4A8011BAD73D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90349006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211340" y="987427"/>
            <a:ext cx="5014913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>
            <a:extLst>
              <a:ext uri="{FF2B5EF4-FFF2-40B4-BE49-F238E27FC236}">
                <a16:creationId xmlns:a16="http://schemas.microsoft.com/office/drawing/2014/main" id="{2B591D20-9870-F09D-DBAD-C6FF9BBD999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754238D-B31F-492F-9F94-C8C5B9D05516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6" name="Footer Placeholder 4">
            <a:extLst>
              <a:ext uri="{FF2B5EF4-FFF2-40B4-BE49-F238E27FC236}">
                <a16:creationId xmlns:a16="http://schemas.microsoft.com/office/drawing/2014/main" id="{0EF5D5FF-F149-326E-FF57-5B54F75860C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5">
            <a:extLst>
              <a:ext uri="{FF2B5EF4-FFF2-40B4-BE49-F238E27FC236}">
                <a16:creationId xmlns:a16="http://schemas.microsoft.com/office/drawing/2014/main" id="{479CB9F2-A661-9F2C-6354-5FFB3B63D5D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F364B201-3855-4AD1-AD5D-F46DAFEA7668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87154495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4211340" y="987427"/>
            <a:ext cx="5014913" cy="4873625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>
            <a:extLst>
              <a:ext uri="{FF2B5EF4-FFF2-40B4-BE49-F238E27FC236}">
                <a16:creationId xmlns:a16="http://schemas.microsoft.com/office/drawing/2014/main" id="{D9A12143-F1D5-79D2-E0E8-30DD723BE69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0955A7E-F3D2-4091-864E-98B9D670B2C1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6" name="Footer Placeholder 4">
            <a:extLst>
              <a:ext uri="{FF2B5EF4-FFF2-40B4-BE49-F238E27FC236}">
                <a16:creationId xmlns:a16="http://schemas.microsoft.com/office/drawing/2014/main" id="{D8A82A89-7E4F-AEEB-217A-B441263A8B7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5">
            <a:extLst>
              <a:ext uri="{FF2B5EF4-FFF2-40B4-BE49-F238E27FC236}">
                <a16:creationId xmlns:a16="http://schemas.microsoft.com/office/drawing/2014/main" id="{779E294C-83DD-8D2B-9984-88C872453BE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4277661B-9863-4C64-988E-00EDB3EA7695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83237061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>
            <a:extLst>
              <a:ext uri="{FF2B5EF4-FFF2-40B4-BE49-F238E27FC236}">
                <a16:creationId xmlns:a16="http://schemas.microsoft.com/office/drawing/2014/main" id="{F53012A7-BDCF-220F-252B-FD284B1DA0F2}"/>
              </a:ext>
            </a:extLst>
          </p:cNvPr>
          <p:cNvSpPr>
            <a:spLocks noGrp="1"/>
          </p:cNvSpPr>
          <p:nvPr>
            <p:ph type="title"/>
          </p:nvPr>
        </p:nvSpPr>
        <p:spPr bwMode="auto">
          <a:xfrm>
            <a:off x="681038" y="365125"/>
            <a:ext cx="8543925" cy="13255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itle style</a:t>
            </a:r>
          </a:p>
        </p:txBody>
      </p:sp>
      <p:sp>
        <p:nvSpPr>
          <p:cNvPr id="1027" name="Text Placeholder 2">
            <a:extLst>
              <a:ext uri="{FF2B5EF4-FFF2-40B4-BE49-F238E27FC236}">
                <a16:creationId xmlns:a16="http://schemas.microsoft.com/office/drawing/2014/main" id="{431FEC7A-A58B-B738-7608-29856186076A}"/>
              </a:ext>
            </a:extLst>
          </p:cNvPr>
          <p:cNvSpPr>
            <a:spLocks noGrp="1"/>
          </p:cNvSpPr>
          <p:nvPr>
            <p:ph type="body" idx="1"/>
          </p:nvPr>
        </p:nvSpPr>
        <p:spPr bwMode="auto">
          <a:xfrm>
            <a:off x="681038" y="1825625"/>
            <a:ext cx="8543925" cy="4351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ext styles</a:t>
            </a:r>
          </a:p>
          <a:p>
            <a:pPr lvl="1"/>
            <a:r>
              <a:rPr lang="en-US" altLang="en-US"/>
              <a:t>Second level</a:t>
            </a:r>
          </a:p>
          <a:p>
            <a:pPr lvl="2"/>
            <a:r>
              <a:rPr lang="en-US" altLang="en-US"/>
              <a:t>Third level</a:t>
            </a:r>
          </a:p>
          <a:p>
            <a:pPr lvl="3"/>
            <a:r>
              <a:rPr lang="en-US" altLang="en-US"/>
              <a:t>Fourth level</a:t>
            </a:r>
          </a:p>
          <a:p>
            <a:pPr lvl="4"/>
            <a:r>
              <a:rPr lang="en-US" alt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D43880A4-E8F4-12CE-581D-9021921F6273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681038" y="6356350"/>
            <a:ext cx="222885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fld id="{DAA97391-C875-425B-8918-D144AD30327C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16D6084F-7CDB-4097-C496-AE858BC0690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3281363" y="6356350"/>
            <a:ext cx="334327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EF0089F-6E90-3112-CA75-D73EC5C54A32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996113" y="6356350"/>
            <a:ext cx="222885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solidFill>
                  <a:srgbClr val="898989"/>
                </a:solidFill>
                <a:latin typeface="Calibri" panose="020F0502020204030204" pitchFamily="34" charset="0"/>
              </a:defRPr>
            </a:lvl1pPr>
          </a:lstStyle>
          <a:p>
            <a:fld id="{F4BEB4C3-599A-4140-9C56-6FEC2CBC999C}" type="slidenum">
              <a:rPr lang="en-US" altLang="en-US"/>
              <a:pPr/>
              <a:t>‹#›</a:t>
            </a:fld>
            <a:endParaRPr lang="en-US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2pPr>
      <a:lvl3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3pPr>
      <a:lvl4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4pPr>
      <a:lvl5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5pPr>
      <a:lvl6pPr marL="4572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6pPr>
      <a:lvl7pPr marL="9144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7pPr>
      <a:lvl8pPr marL="13716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8pPr>
      <a:lvl9pPr marL="18288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9pPr>
    </p:titleStyle>
    <p:bodyStyle>
      <a:lvl1pPr marL="228600" indent="-228600" algn="l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5" Type="http://schemas.microsoft.com/office/2007/relationships/hdphoto" Target="../media/hdphoto1.wdp"/><Relationship Id="rId4" Type="http://schemas.openxmlformats.org/officeDocument/2006/relationships/image" Target="../media/image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296275" y="0"/>
            <a:ext cx="1333500" cy="400050"/>
          </a:xfrm>
          <a:prstGeom prst="rect">
            <a:avLst/>
          </a:prstGeom>
        </p:spPr>
      </p:pic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6834F18C-42FD-5F1B-CD9E-B18D588F0603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1648115"/>
              </p:ext>
            </p:extLst>
          </p:nvPr>
        </p:nvGraphicFramePr>
        <p:xfrm>
          <a:off x="195263" y="393700"/>
          <a:ext cx="9558337" cy="6224588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118442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70588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66803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521631">
                <a:tc rowSpan="2">
                  <a:txBody>
                    <a:bodyPr/>
                    <a:lstStyle/>
                    <a:p>
                      <a:endParaRPr lang="en-IN" sz="1800" dirty="0"/>
                    </a:p>
                  </a:txBody>
                  <a:tcPr marL="91439" marR="91439" marT="45709" marB="45709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22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Stellar Optics Private Limited</a:t>
                      </a:r>
                      <a:endParaRPr lang="en-IN" sz="2200" b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L="91439" marR="91439" marT="45709" marB="45709" anchor="ctr"/>
                </a:tc>
                <a:tc rowSpan="2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SOPL</a:t>
                      </a:r>
                      <a:r>
                        <a:rPr lang="en-US" sz="1400" b="1" baseline="0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– AQMS - 01</a:t>
                      </a:r>
                      <a:endParaRPr lang="en-IN" sz="1400" b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  <a:p>
                      <a:pPr algn="ctr"/>
                      <a:endParaRPr lang="en-IN" sz="1800" b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L="91439" marR="91439" marT="45709" marB="45709"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488925">
                <a:tc v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VISION</a:t>
                      </a:r>
                      <a:endParaRPr lang="en-IN" sz="1800" b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L="91439" marR="91439" marT="45709" marB="45709" anchor="ctr"/>
                </a:tc>
                <a:tc v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4774001">
                <a:tc gridSpan="3">
                  <a:txBody>
                    <a:bodyPr/>
                    <a:lstStyle/>
                    <a:p>
                      <a:pPr marL="0" lvl="0" indent="0">
                        <a:lnSpc>
                          <a:spcPct val="150000"/>
                        </a:lnSpc>
                        <a:buFont typeface="Wingdings" panose="05000000000000000000" pitchFamily="2" charset="2"/>
                        <a:buNone/>
                      </a:pPr>
                      <a:endParaRPr lang="en-IN" sz="1800" kern="12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+mn-ea"/>
                        <a:cs typeface="Times New Roman" panose="02020603050405020304" pitchFamily="18" charset="0"/>
                      </a:endParaRPr>
                    </a:p>
                  </a:txBody>
                  <a:tcPr marL="91439" marR="91439" marT="45709" marB="45709" anchor="ctr"/>
                </a:tc>
                <a:tc h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440031">
                <a:tc gridSpan="3">
                  <a:txBody>
                    <a:bodyPr/>
                    <a:lstStyle/>
                    <a:p>
                      <a:r>
                        <a:rPr lang="en-US" sz="1800" b="1" baseline="0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Jan 2025</a:t>
                      </a:r>
                      <a:r>
                        <a:rPr lang="en-US" sz="18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                                                Rev No </a:t>
                      </a:r>
                      <a:r>
                        <a:rPr lang="en-US" sz="1800" b="1" dirty="0" smtClean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:00</a:t>
                      </a:r>
                      <a:r>
                        <a:rPr lang="en-US" sz="1800" b="1" baseline="0" dirty="0" smtClean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     </a:t>
                      </a:r>
                      <a:r>
                        <a:rPr lang="en-US" sz="1800" b="1" dirty="0" smtClean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                                                    </a:t>
                      </a:r>
                      <a:r>
                        <a:rPr lang="en-US" sz="1800" b="1" i="0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Director</a:t>
                      </a:r>
                      <a:endParaRPr lang="en-IN" sz="1800" b="1" i="0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L="91439" marR="91439" marT="45709" marB="45709"/>
                </a:tc>
                <a:tc h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IN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pic>
        <p:nvPicPr>
          <p:cNvPr id="2066" name="Picture 4" descr="C:\Users\s329\Downloads\Stellar.jpg">
            <a:extLst>
              <a:ext uri="{FF2B5EF4-FFF2-40B4-BE49-F238E27FC236}">
                <a16:creationId xmlns:a16="http://schemas.microsoft.com/office/drawing/2014/main" id="{E300E0E6-F46C-8072-0C50-5564AF3F0EB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9400" y="498203"/>
            <a:ext cx="1000125" cy="666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67" name="TextBox 7">
            <a:extLst>
              <a:ext uri="{FF2B5EF4-FFF2-40B4-BE49-F238E27FC236}">
                <a16:creationId xmlns:a16="http://schemas.microsoft.com/office/drawing/2014/main" id="{2A374FB9-0E6E-72C3-92D7-14DD200AAB2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79463" y="2813050"/>
            <a:ext cx="8301037" cy="1114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200000"/>
              </a:lnSpc>
              <a:spcBef>
                <a:spcPct val="0"/>
              </a:spcBef>
              <a:buFontTx/>
              <a:buNone/>
            </a:pPr>
            <a:r>
              <a:rPr lang="en-US" altLang="en-US" sz="1800" dirty="0">
                <a:latin typeface="Arial" panose="020B0604020202020204" pitchFamily="34" charset="0"/>
              </a:rPr>
              <a:t>	To be the leading innovator in precision optics, advancing technology through design and manufacture of cutting-edge lenses and optical systems.</a:t>
            </a:r>
          </a:p>
        </p:txBody>
      </p:sp>
      <p:cxnSp>
        <p:nvCxnSpPr>
          <p:cNvPr id="6" name="Straight Connector 5"/>
          <p:cNvCxnSpPr/>
          <p:nvPr/>
        </p:nvCxnSpPr>
        <p:spPr>
          <a:xfrm>
            <a:off x="7848600" y="6162675"/>
            <a:ext cx="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16" name="Picture 15"/>
          <p:cNvPicPr>
            <a:picLocks noChangeAspect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1758" b="94824" l="1628" r="97721">
                        <a14:foregroundMark x1="9115" y1="20898" x2="17839" y2="69043"/>
                        <a14:backgroundMark x1="42448" y1="19043" x2="42448" y2="19043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7820025" y="5314950"/>
            <a:ext cx="1809750" cy="1206500"/>
          </a:xfrm>
          <a:prstGeom prst="rect">
            <a:avLst/>
          </a:prstGeom>
        </p:spPr>
      </p:pic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4bc467f5-7189-45e4-a1c2-306dc98b053a">
      <Terms xmlns="http://schemas.microsoft.com/office/infopath/2007/PartnerControls"/>
    </lcf76f155ced4ddcb4097134ff3c332f>
    <TaxCatchAll xmlns="61b8ec5d-748f-4500-ad42-cb24d539a7eb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6B019C0580FAB408426F504A480B070" ma:contentTypeVersion="15" ma:contentTypeDescription="Create a new document." ma:contentTypeScope="" ma:versionID="249f9452ac3dc602dedeb00b20557696">
  <xsd:schema xmlns:xsd="http://www.w3.org/2001/XMLSchema" xmlns:xs="http://www.w3.org/2001/XMLSchema" xmlns:p="http://schemas.microsoft.com/office/2006/metadata/properties" xmlns:ns2="4bc467f5-7189-45e4-a1c2-306dc98b053a" xmlns:ns3="61b8ec5d-748f-4500-ad42-cb24d539a7eb" targetNamespace="http://schemas.microsoft.com/office/2006/metadata/properties" ma:root="true" ma:fieldsID="132843ac878051b662b11f5d2dfcb973" ns2:_="" ns3:_="">
    <xsd:import namespace="4bc467f5-7189-45e4-a1c2-306dc98b053a"/>
    <xsd:import namespace="61b8ec5d-748f-4500-ad42-cb24d539a7eb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bc467f5-7189-45e4-a1c2-306dc98b053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850547ae-b6e3-4842-8c48-b3a4bfa59814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1b8ec5d-748f-4500-ad42-cb24d539a7eb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b5169b96-9d1b-4a0c-9c5a-12ecbaf53f99}" ma:internalName="TaxCatchAll" ma:showField="CatchAllData" ma:web="61b8ec5d-748f-4500-ad42-cb24d539a7e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2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6BC4FB8-7736-4061-AD1B-F4CC56A339E4}">
  <ds:schemaRefs>
    <ds:schemaRef ds:uri="4bc467f5-7189-45e4-a1c2-306dc98b053a"/>
    <ds:schemaRef ds:uri="61b8ec5d-748f-4500-ad42-cb24d539a7eb"/>
    <ds:schemaRef ds:uri="http://purl.org/dc/dcmitype/"/>
    <ds:schemaRef ds:uri="http://purl.org/dc/terms/"/>
    <ds:schemaRef ds:uri="http://schemas.microsoft.com/office/2006/metadata/properties"/>
    <ds:schemaRef ds:uri="http://www.w3.org/XML/1998/namespace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58F547AE-E9A7-4334-B621-CA93FCB7E40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bc467f5-7189-45e4-a1c2-306dc98b053a"/>
    <ds:schemaRef ds:uri="61b8ec5d-748f-4500-ad42-cb24d539a7e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B1230E18-52B4-4E0E-BA26-5E5912CA6C2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40</Words>
  <Application>Microsoft Office PowerPoint</Application>
  <PresentationFormat>A4 Paper (210x297 mm)</PresentationFormat>
  <Paragraphs>5</Paragraphs>
  <Slides>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7" baseType="lpstr">
      <vt:lpstr>Arial</vt:lpstr>
      <vt:lpstr>Calibri</vt:lpstr>
      <vt:lpstr>Calibri Light</vt:lpstr>
      <vt:lpstr>Times New Roman</vt:lpstr>
      <vt:lpstr>Wingdings</vt:lpstr>
      <vt:lpstr>Office Theme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cp:lastModifiedBy>Manikandan N</cp:lastModifiedBy>
  <cp:revision>1</cp:revision>
  <dcterms:modified xsi:type="dcterms:W3CDTF">2025-09-23T10:56:5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ediaServiceImageTags">
    <vt:lpwstr/>
  </property>
  <property fmtid="{D5CDD505-2E9C-101B-9397-08002B2CF9AE}" pid="3" name="ContentTypeId">
    <vt:lpwstr>0x010100C6B019C0580FAB408426F504A480B070</vt:lpwstr>
  </property>
</Properties>
</file>